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8"/>
  </p:notesMasterIdLst>
  <p:handoutMasterIdLst>
    <p:handoutMasterId r:id="rId29"/>
  </p:handoutMasterIdLst>
  <p:sldIdLst>
    <p:sldId id="261" r:id="rId2"/>
    <p:sldId id="262" r:id="rId3"/>
    <p:sldId id="293" r:id="rId4"/>
    <p:sldId id="264" r:id="rId5"/>
    <p:sldId id="294" r:id="rId6"/>
    <p:sldId id="270" r:id="rId7"/>
    <p:sldId id="271" r:id="rId8"/>
    <p:sldId id="272" r:id="rId9"/>
    <p:sldId id="273" r:id="rId10"/>
    <p:sldId id="274" r:id="rId11"/>
    <p:sldId id="275" r:id="rId12"/>
    <p:sldId id="276" r:id="rId13"/>
    <p:sldId id="277" r:id="rId14"/>
    <p:sldId id="278" r:id="rId15"/>
    <p:sldId id="279" r:id="rId16"/>
    <p:sldId id="280" r:id="rId17"/>
    <p:sldId id="284" r:id="rId18"/>
    <p:sldId id="287" r:id="rId19"/>
    <p:sldId id="288" r:id="rId20"/>
    <p:sldId id="299" r:id="rId21"/>
    <p:sldId id="300" r:id="rId22"/>
    <p:sldId id="289" r:id="rId23"/>
    <p:sldId id="290" r:id="rId24"/>
    <p:sldId id="291" r:id="rId25"/>
    <p:sldId id="298" r:id="rId26"/>
    <p:sldId id="260" r:id="rId27"/>
  </p:sldIdLst>
  <p:sldSz cx="12188825" cy="6858000"/>
  <p:notesSz cx="6797675" cy="9926638"/>
  <p:embeddedFontLst>
    <p:embeddedFont>
      <p:font typeface="AU Passata" panose="020B0503030502030804" pitchFamily="34" charset="77"/>
      <p:regular r:id="rId30"/>
      <p:bold r:id="rId31"/>
    </p:embeddedFont>
    <p:embeddedFont>
      <p:font typeface="AU Passata Light" panose="020B0303030902030804" pitchFamily="34" charset="77"/>
      <p:regular r:id="rId32"/>
      <p:bold r:id="rId33"/>
    </p:embeddedFont>
    <p:embeddedFont>
      <p:font typeface="AU Peto" pitchFamily="82" charset="77"/>
      <p:regular r:id="rId34"/>
      <p:bold r:id="rId35"/>
    </p:embeddedFont>
    <p:embeddedFont>
      <p:font typeface="Calibri" panose="020F0502020204030204" pitchFamily="34" charset="0"/>
      <p:regular r:id="rId36"/>
      <p:bold r:id="rId37"/>
      <p:italic r:id="rId38"/>
      <p:boldItalic r:id="rId39"/>
    </p:embeddedFont>
    <p:embeddedFont>
      <p:font typeface="Cambria Math" panose="02040503050406030204" pitchFamily="18" charset="0"/>
      <p:regular r:id="rId40"/>
    </p:embeddedFont>
    <p:embeddedFont>
      <p:font typeface="Georgia" panose="02040502050405020303" pitchFamily="18" charset="0"/>
      <p:regular r:id="rId41"/>
      <p:bold r:id="rId42"/>
      <p:italic r:id="rId43"/>
      <p:boldItalic r:id="rId44"/>
    </p:embeddedFont>
    <p:embeddedFont>
      <p:font typeface="Trebuchet MS" panose="020B0703020202090204" pitchFamily="34" charset="0"/>
      <p:regular r:id="rId45"/>
      <p:bold r:id="rId46"/>
      <p:italic r:id="rId47"/>
    </p:embeddedFont>
    <p:embeddedFont>
      <p:font typeface="Wingdings 3" pitchFamily="2" charset="2"/>
      <p:regular r:id="rId4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7CBDB"/>
    <a:srgbClr val="C0C0C0"/>
    <a:srgbClr val="0171B2"/>
    <a:srgbClr val="E69F00"/>
    <a:srgbClr val="009000"/>
    <a:srgbClr val="0400F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9094" autoAdjust="0"/>
    <p:restoredTop sz="96296" autoAdjust="0"/>
  </p:normalViewPr>
  <p:slideViewPr>
    <p:cSldViewPr snapToObjects="1" showGuides="1">
      <p:cViewPr>
        <p:scale>
          <a:sx n="104" d="100"/>
          <a:sy n="104" d="100"/>
        </p:scale>
        <p:origin x="1272" y="60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10.fntdata"/><Relationship Id="rId21" Type="http://schemas.openxmlformats.org/officeDocument/2006/relationships/slide" Target="slides/slide20.xml"/><Relationship Id="rId34" Type="http://schemas.openxmlformats.org/officeDocument/2006/relationships/font" Target="fonts/font5.fntdata"/><Relationship Id="rId42" Type="http://schemas.openxmlformats.org/officeDocument/2006/relationships/font" Target="fonts/font13.fntdata"/><Relationship Id="rId47" Type="http://schemas.openxmlformats.org/officeDocument/2006/relationships/font" Target="fonts/font18.fntdata"/><Relationship Id="rId50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handoutMaster" Target="handoutMasters/handoutMaster1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3.fntdata"/><Relationship Id="rId37" Type="http://schemas.openxmlformats.org/officeDocument/2006/relationships/font" Target="fonts/font8.fntdata"/><Relationship Id="rId40" Type="http://schemas.openxmlformats.org/officeDocument/2006/relationships/font" Target="fonts/font11.fntdata"/><Relationship Id="rId45" Type="http://schemas.openxmlformats.org/officeDocument/2006/relationships/font" Target="fonts/font16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36" Type="http://schemas.openxmlformats.org/officeDocument/2006/relationships/font" Target="fonts/font7.fntdata"/><Relationship Id="rId49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2.fntdata"/><Relationship Id="rId44" Type="http://schemas.openxmlformats.org/officeDocument/2006/relationships/font" Target="fonts/font15.fntdata"/><Relationship Id="rId52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font" Target="fonts/font1.fntdata"/><Relationship Id="rId35" Type="http://schemas.openxmlformats.org/officeDocument/2006/relationships/font" Target="fonts/font6.fntdata"/><Relationship Id="rId43" Type="http://schemas.openxmlformats.org/officeDocument/2006/relationships/font" Target="fonts/font14.fntdata"/><Relationship Id="rId48" Type="http://schemas.openxmlformats.org/officeDocument/2006/relationships/font" Target="fonts/font19.fntdata"/><Relationship Id="rId8" Type="http://schemas.openxmlformats.org/officeDocument/2006/relationships/slide" Target="slides/slide7.xml"/><Relationship Id="rId51" Type="http://schemas.openxmlformats.org/officeDocument/2006/relationships/theme" Target="theme/theme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4.fntdata"/><Relationship Id="rId38" Type="http://schemas.openxmlformats.org/officeDocument/2006/relationships/font" Target="fonts/font9.fntdata"/><Relationship Id="rId46" Type="http://schemas.openxmlformats.org/officeDocument/2006/relationships/font" Target="fonts/font17.fntdata"/><Relationship Id="rId20" Type="http://schemas.openxmlformats.org/officeDocument/2006/relationships/slide" Target="slides/slide19.xml"/><Relationship Id="rId41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019658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229445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Population genetics parameters have been inferred using HMM. </a:t>
            </a:r>
          </a:p>
          <a:p>
            <a:r>
              <a:rPr lang="en-GB" dirty="0"/>
              <a:t>- Hidden states are phylogenetic trees / coalescent times.</a:t>
            </a:r>
          </a:p>
          <a:p>
            <a:r>
              <a:rPr lang="en-GB" dirty="0"/>
              <a:t>- Observed states are sites along the genom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243513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Parameterization = inferenc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838005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4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3.png"/><Relationship Id="rId5" Type="http://schemas.openxmlformats.org/officeDocument/2006/relationships/image" Target="../media/image40.png"/><Relationship Id="rId4" Type="http://schemas.openxmlformats.org/officeDocument/2006/relationships/image" Target="../media/image47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6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7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7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68.png"/><Relationship Id="rId1" Type="http://schemas.openxmlformats.org/officeDocument/2006/relationships/tags" Target="../tags/tag18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6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6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4" Type="http://schemas.openxmlformats.org/officeDocument/2006/relationships/image" Target="../media/image6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69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3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7" Type="http://schemas.openxmlformats.org/officeDocument/2006/relationships/image" Target="../media/image7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6" Type="http://schemas.openxmlformats.org/officeDocument/2006/relationships/image" Target="../media/image72.jpeg"/><Relationship Id="rId5" Type="http://schemas.openxmlformats.org/officeDocument/2006/relationships/image" Target="../media/image71.png"/><Relationship Id="rId4" Type="http://schemas.openxmlformats.org/officeDocument/2006/relationships/image" Target="../media/image70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13" Type="http://schemas.openxmlformats.org/officeDocument/2006/relationships/image" Target="../media/image22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6.svg"/><Relationship Id="rId12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5.png"/><Relationship Id="rId11" Type="http://schemas.openxmlformats.org/officeDocument/2006/relationships/image" Target="../media/image20.svg"/><Relationship Id="rId5" Type="http://schemas.openxmlformats.org/officeDocument/2006/relationships/image" Target="../media/image14.sv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8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40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E98E041-AC4C-B647-A0B1-C36E46F8B7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3390465-EE18-4048-BBA9-DED69006BB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E9D5131-EE19-A248-85DF-22E1BBAFB6FB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0691A667-73B1-8348-87FE-58F8BA3492C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E0BFE981-58E8-B448-9241-A72183043C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CA1A884-54E5-0E40-84EA-4BC6FF93B72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6D87C44D-E679-8B4E-A019-5A9EBE3DEA5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14661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9408" y="1016731"/>
            <a:ext cx="5127051" cy="51270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C1BEEF2-3442-6F42-9F55-B21DD4A2B2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5280A7-638D-9844-A416-F0A73D523C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51B14928-A8D2-D743-A0EF-09660B3272C3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ED44D62D-FA98-E140-8A06-C7D198B82E9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FEB18426-A20F-A742-BD7D-9714C48CBD7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144652E0-C2A6-3947-892E-A7CF304C32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554505EC-C108-4240-BF52-16B55576CC8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67929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CF6C512F-DFCD-D745-B91C-58A2C3E2A352}"/>
              </a:ext>
            </a:extLst>
          </p:cNvPr>
          <p:cNvGrpSpPr/>
          <p:nvPr/>
        </p:nvGrpSpPr>
        <p:grpSpPr>
          <a:xfrm>
            <a:off x="6501448" y="1107044"/>
            <a:ext cx="5281596" cy="4698220"/>
            <a:chOff x="6301462" y="1066379"/>
            <a:chExt cx="5281596" cy="4698220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BEF5E5AB-211F-8546-8055-AA0A499B778B}"/>
                </a:ext>
              </a:extLst>
            </p:cNvPr>
            <p:cNvSpPr txBox="1"/>
            <p:nvPr/>
          </p:nvSpPr>
          <p:spPr>
            <a:xfrm>
              <a:off x="7246540" y="1282403"/>
              <a:ext cx="249183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Transition probability matrix</a:t>
              </a:r>
            </a:p>
          </p:txBody>
        </p:sp>
        <p:pic>
          <p:nvPicPr>
            <p:cNvPr id="23" name="Picture 6">
              <a:extLst>
                <a:ext uri="{FF2B5EF4-FFF2-40B4-BE49-F238E27FC236}">
                  <a16:creationId xmlns:a16="http://schemas.microsoft.com/office/drawing/2014/main" id="{70CEDBBF-8663-C04C-A181-ECA5A176338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0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3" b="13966"/>
            <a:stretch/>
          </p:blipFill>
          <p:spPr bwMode="auto">
            <a:xfrm>
              <a:off x="6511119" y="1066379"/>
              <a:ext cx="5071939" cy="452244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4D7D8D69-A50E-C34E-B711-4CB4170EE4C7}"/>
                </a:ext>
              </a:extLst>
            </p:cNvPr>
            <p:cNvSpPr txBox="1"/>
            <p:nvPr/>
          </p:nvSpPr>
          <p:spPr>
            <a:xfrm>
              <a:off x="8326660" y="5589166"/>
              <a:ext cx="615553" cy="17543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200" dirty="0">
                  <a:latin typeface="+mn-lt"/>
                </a:rPr>
                <a:t>Right site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DD9C7C3A-8D4F-1E4C-83B6-FDD88F963FC7}"/>
                </a:ext>
              </a:extLst>
            </p:cNvPr>
            <p:cNvSpPr txBox="1"/>
            <p:nvPr/>
          </p:nvSpPr>
          <p:spPr>
            <a:xfrm rot="16200000">
              <a:off x="6134974" y="3442643"/>
              <a:ext cx="508409" cy="17543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200" dirty="0">
                  <a:latin typeface="+mn-lt"/>
                </a:rPr>
                <a:t>Left sit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20" name="Picture 6">
            <a:extLst>
              <a:ext uri="{FF2B5EF4-FFF2-40B4-BE49-F238E27FC236}">
                <a16:creationId xmlns:a16="http://schemas.microsoft.com/office/drawing/2014/main" id="{9BCDD6F4-5DE2-3248-ABB5-0026850C2A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340768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621804" y="1431594"/>
            <a:ext cx="4672754" cy="39948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20" name="Picture 6">
            <a:extLst>
              <a:ext uri="{FF2B5EF4-FFF2-40B4-BE49-F238E27FC236}">
                <a16:creationId xmlns:a16="http://schemas.microsoft.com/office/drawing/2014/main" id="{9BCDD6F4-5DE2-3248-ABB5-0026850C2A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340768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5806380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5806380" y="1591652"/>
            <a:ext cx="432048" cy="1677604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143E8EE-ACEA-964C-A585-C169AAAA6AB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02360" y="2240860"/>
            <a:ext cx="292050" cy="2895218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92050" h="2895218">
                <a:moveTo>
                  <a:pt x="197048" y="2895218"/>
                </a:moveTo>
                <a:cubicBezTo>
                  <a:pt x="134702" y="2422184"/>
                  <a:pt x="72357" y="1949150"/>
                  <a:pt x="42669" y="1505805"/>
                </a:cubicBezTo>
                <a:cubicBezTo>
                  <a:pt x="12981" y="1062459"/>
                  <a:pt x="-22645" y="485516"/>
                  <a:pt x="18918" y="235145"/>
                </a:cubicBezTo>
                <a:cubicBezTo>
                  <a:pt x="60481" y="-15226"/>
                  <a:pt x="176265" y="-5825"/>
                  <a:pt x="292050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1713" y="2243460"/>
            <a:ext cx="903982" cy="3452665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75976" y="382686"/>
                  <a:pt x="287169" y="704061"/>
                </a:cubicBezTo>
                <a:cubicBezTo>
                  <a:pt x="298362" y="1025436"/>
                  <a:pt x="244482" y="1666560"/>
                  <a:pt x="293615" y="2018147"/>
                </a:cubicBezTo>
                <a:cubicBezTo>
                  <a:pt x="342748" y="2369734"/>
                  <a:pt x="489690" y="2574498"/>
                  <a:pt x="581969" y="2813584"/>
                </a:cubicBezTo>
                <a:cubicBezTo>
                  <a:pt x="674248" y="3052670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394003" y="1257557"/>
            <a:ext cx="0" cy="333024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>
            <a:off x="1303124" y="1590581"/>
            <a:ext cx="181758" cy="1678676"/>
          </a:xfrm>
          <a:prstGeom prst="rect">
            <a:avLst/>
          </a:prstGeom>
          <a:solidFill>
            <a:srgbClr val="C0C0C0"/>
          </a:solidFill>
          <a:ln w="38100" cap="flat" cmpd="sng" algn="ctr">
            <a:solidFill>
              <a:srgbClr val="C0C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20" name="Picture 6">
            <a:extLst>
              <a:ext uri="{FF2B5EF4-FFF2-40B4-BE49-F238E27FC236}">
                <a16:creationId xmlns:a16="http://schemas.microsoft.com/office/drawing/2014/main" id="{9BCDD6F4-5DE2-3248-ABB5-0026850C2A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5" y="1340768"/>
            <a:ext cx="9334771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6238428" y="3284985"/>
            <a:ext cx="452995" cy="964953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6238428" y="1591652"/>
            <a:ext cx="452995" cy="1677604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143E8EE-ACEA-964C-A585-C169AAAA6ABE}"/>
              </a:ext>
            </a:extLst>
          </p:cNvPr>
          <p:cNvSpPr/>
          <p:nvPr/>
        </p:nvSpPr>
        <p:spPr bwMode="auto">
          <a:xfrm>
            <a:off x="1111838" y="3279417"/>
            <a:ext cx="181758" cy="970521"/>
          </a:xfrm>
          <a:prstGeom prst="rect">
            <a:avLst/>
          </a:prstGeom>
          <a:solidFill>
            <a:srgbClr val="0171B2"/>
          </a:solidFill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189987" y="2247624"/>
            <a:ext cx="300874" cy="1041120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7157 w 306312"/>
              <a:gd name="connsiteY0" fmla="*/ 1039316 h 1039316"/>
              <a:gd name="connsiteX1" fmla="*/ 34495 w 306312"/>
              <a:gd name="connsiteY1" fmla="*/ 270054 h 1039316"/>
              <a:gd name="connsiteX2" fmla="*/ 306312 w 306312"/>
              <a:gd name="connsiteY2" fmla="*/ 1526 h 1039316"/>
              <a:gd name="connsiteX0" fmla="*/ 17157 w 306312"/>
              <a:gd name="connsiteY0" fmla="*/ 1039172 h 1039172"/>
              <a:gd name="connsiteX1" fmla="*/ 34495 w 306312"/>
              <a:gd name="connsiteY1" fmla="*/ 269910 h 1039172"/>
              <a:gd name="connsiteX2" fmla="*/ 306312 w 306312"/>
              <a:gd name="connsiteY2" fmla="*/ 1382 h 1039172"/>
              <a:gd name="connsiteX0" fmla="*/ 20181 w 309336"/>
              <a:gd name="connsiteY0" fmla="*/ 1041120 h 1041120"/>
              <a:gd name="connsiteX1" fmla="*/ 31875 w 309336"/>
              <a:gd name="connsiteY1" fmla="*/ 232347 h 1041120"/>
              <a:gd name="connsiteX2" fmla="*/ 309336 w 309336"/>
              <a:gd name="connsiteY2" fmla="*/ 3330 h 1041120"/>
              <a:gd name="connsiteX0" fmla="*/ 11719 w 300874"/>
              <a:gd name="connsiteY0" fmla="*/ 1041120 h 1041120"/>
              <a:gd name="connsiteX1" fmla="*/ 23413 w 300874"/>
              <a:gd name="connsiteY1" fmla="*/ 232347 h 1041120"/>
              <a:gd name="connsiteX2" fmla="*/ 300874 w 300874"/>
              <a:gd name="connsiteY2" fmla="*/ 3330 h 10411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00874" h="1041120">
                <a:moveTo>
                  <a:pt x="11719" y="1041120"/>
                </a:moveTo>
                <a:cubicBezTo>
                  <a:pt x="-4776" y="880725"/>
                  <a:pt x="-6377" y="421202"/>
                  <a:pt x="23413" y="232347"/>
                </a:cubicBezTo>
                <a:cubicBezTo>
                  <a:pt x="115776" y="-12379"/>
                  <a:pt x="185089" y="-6071"/>
                  <a:pt x="300874" y="3330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74656" y="2266862"/>
            <a:ext cx="691039" cy="3429263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47700" h="3429263">
                <a:moveTo>
                  <a:pt x="0" y="177"/>
                </a:moveTo>
                <a:cubicBezTo>
                  <a:pt x="56626" y="-1920"/>
                  <a:pt x="117325" y="12967"/>
                  <a:pt x="143662" y="129512"/>
                </a:cubicBezTo>
                <a:cubicBezTo>
                  <a:pt x="169999" y="246057"/>
                  <a:pt x="154555" y="386488"/>
                  <a:pt x="158023" y="699448"/>
                </a:cubicBezTo>
                <a:cubicBezTo>
                  <a:pt x="161491" y="1012408"/>
                  <a:pt x="127077" y="1658815"/>
                  <a:pt x="164470" y="2007271"/>
                </a:cubicBezTo>
                <a:cubicBezTo>
                  <a:pt x="201863" y="2355727"/>
                  <a:pt x="290102" y="2551096"/>
                  <a:pt x="382381" y="2790182"/>
                </a:cubicBezTo>
                <a:cubicBezTo>
                  <a:pt x="474660" y="3029268"/>
                  <a:pt x="630922" y="3389415"/>
                  <a:pt x="647700" y="3429263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593629" y="1256274"/>
            <a:ext cx="0" cy="333024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6" y="3784594"/>
            <a:ext cx="216802" cy="1894350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Freeform 26">
            <a:extLst>
              <a:ext uri="{FF2B5EF4-FFF2-40B4-BE49-F238E27FC236}">
                <a16:creationId xmlns:a16="http://schemas.microsoft.com/office/drawing/2014/main" id="{1285BB33-87CB-554D-95F6-DBFFBE8343C3}"/>
              </a:ext>
            </a:extLst>
          </p:cNvPr>
          <p:cNvSpPr/>
          <p:nvPr/>
        </p:nvSpPr>
        <p:spPr bwMode="auto">
          <a:xfrm>
            <a:off x="1296445" y="3799519"/>
            <a:ext cx="206679" cy="1893561"/>
          </a:xfrm>
          <a:custGeom>
            <a:avLst/>
            <a:gdLst>
              <a:gd name="connsiteX0" fmla="*/ 0 w 156575"/>
              <a:gd name="connsiteY0" fmla="*/ 92832 h 1977999"/>
              <a:gd name="connsiteX1" fmla="*/ 125260 w 156575"/>
              <a:gd name="connsiteY1" fmla="*/ 99095 h 1977999"/>
              <a:gd name="connsiteX2" fmla="*/ 100208 w 156575"/>
              <a:gd name="connsiteY2" fmla="*/ 1107441 h 1977999"/>
              <a:gd name="connsiteX3" fmla="*/ 68893 w 156575"/>
              <a:gd name="connsiteY3" fmla="*/ 1664849 h 1977999"/>
              <a:gd name="connsiteX4" fmla="*/ 156575 w 156575"/>
              <a:gd name="connsiteY4" fmla="*/ 1977999 h 1977999"/>
              <a:gd name="connsiteX0" fmla="*/ 0 w 202374"/>
              <a:gd name="connsiteY0" fmla="*/ 30757 h 1915924"/>
              <a:gd name="connsiteX1" fmla="*/ 200416 w 202374"/>
              <a:gd name="connsiteY1" fmla="*/ 206122 h 1915924"/>
              <a:gd name="connsiteX2" fmla="*/ 100208 w 202374"/>
              <a:gd name="connsiteY2" fmla="*/ 1045366 h 1915924"/>
              <a:gd name="connsiteX3" fmla="*/ 68893 w 202374"/>
              <a:gd name="connsiteY3" fmla="*/ 1602774 h 1915924"/>
              <a:gd name="connsiteX4" fmla="*/ 156575 w 202374"/>
              <a:gd name="connsiteY4" fmla="*/ 1915924 h 1915924"/>
              <a:gd name="connsiteX0" fmla="*/ 0 w 202374"/>
              <a:gd name="connsiteY0" fmla="*/ 3125 h 1888292"/>
              <a:gd name="connsiteX1" fmla="*/ 200416 w 202374"/>
              <a:gd name="connsiteY1" fmla="*/ 178490 h 1888292"/>
              <a:gd name="connsiteX2" fmla="*/ 100208 w 202374"/>
              <a:gd name="connsiteY2" fmla="*/ 1017734 h 1888292"/>
              <a:gd name="connsiteX3" fmla="*/ 68893 w 202374"/>
              <a:gd name="connsiteY3" fmla="*/ 1575142 h 1888292"/>
              <a:gd name="connsiteX4" fmla="*/ 156575 w 202374"/>
              <a:gd name="connsiteY4" fmla="*/ 1888292 h 1888292"/>
              <a:gd name="connsiteX0" fmla="*/ 0 w 206679"/>
              <a:gd name="connsiteY0" fmla="*/ 3125 h 1894555"/>
              <a:gd name="connsiteX1" fmla="*/ 200416 w 206679"/>
              <a:gd name="connsiteY1" fmla="*/ 178490 h 1894555"/>
              <a:gd name="connsiteX2" fmla="*/ 100208 w 206679"/>
              <a:gd name="connsiteY2" fmla="*/ 1017734 h 1894555"/>
              <a:gd name="connsiteX3" fmla="*/ 68893 w 206679"/>
              <a:gd name="connsiteY3" fmla="*/ 1575142 h 1894555"/>
              <a:gd name="connsiteX4" fmla="*/ 206679 w 206679"/>
              <a:gd name="connsiteY4" fmla="*/ 1894555 h 1894555"/>
              <a:gd name="connsiteX0" fmla="*/ 0 w 206679"/>
              <a:gd name="connsiteY0" fmla="*/ 3125 h 1894555"/>
              <a:gd name="connsiteX1" fmla="*/ 200416 w 206679"/>
              <a:gd name="connsiteY1" fmla="*/ 178490 h 1894555"/>
              <a:gd name="connsiteX2" fmla="*/ 100208 w 206679"/>
              <a:gd name="connsiteY2" fmla="*/ 1017734 h 1894555"/>
              <a:gd name="connsiteX3" fmla="*/ 68893 w 206679"/>
              <a:gd name="connsiteY3" fmla="*/ 1487460 h 1894555"/>
              <a:gd name="connsiteX4" fmla="*/ 206679 w 206679"/>
              <a:gd name="connsiteY4" fmla="*/ 1894555 h 1894555"/>
              <a:gd name="connsiteX0" fmla="*/ 0 w 206679"/>
              <a:gd name="connsiteY0" fmla="*/ 2131 h 1893561"/>
              <a:gd name="connsiteX1" fmla="*/ 200416 w 206679"/>
              <a:gd name="connsiteY1" fmla="*/ 177496 h 1893561"/>
              <a:gd name="connsiteX2" fmla="*/ 106471 w 206679"/>
              <a:gd name="connsiteY2" fmla="*/ 885216 h 1893561"/>
              <a:gd name="connsiteX3" fmla="*/ 68893 w 206679"/>
              <a:gd name="connsiteY3" fmla="*/ 1486466 h 1893561"/>
              <a:gd name="connsiteX4" fmla="*/ 206679 w 206679"/>
              <a:gd name="connsiteY4" fmla="*/ 1893561 h 18935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6679" h="1893561">
                <a:moveTo>
                  <a:pt x="0" y="2131"/>
                </a:moveTo>
                <a:cubicBezTo>
                  <a:pt x="123172" y="-10396"/>
                  <a:pt x="182671" y="30315"/>
                  <a:pt x="200416" y="177496"/>
                </a:cubicBezTo>
                <a:cubicBezTo>
                  <a:pt x="218161" y="324677"/>
                  <a:pt x="128391" y="667054"/>
                  <a:pt x="106471" y="885216"/>
                </a:cubicBezTo>
                <a:cubicBezTo>
                  <a:pt x="84551" y="1103378"/>
                  <a:pt x="59499" y="1341373"/>
                  <a:pt x="68893" y="1486466"/>
                </a:cubicBezTo>
                <a:cubicBezTo>
                  <a:pt x="78287" y="1631559"/>
                  <a:pt x="167535" y="1809532"/>
                  <a:pt x="206679" y="1893561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502750" y="1589298"/>
            <a:ext cx="181758" cy="1678676"/>
          </a:xfrm>
          <a:prstGeom prst="rect">
            <a:avLst/>
          </a:prstGeom>
          <a:solidFill>
            <a:srgbClr val="B7CBDB"/>
          </a:solidFill>
          <a:ln w="38100" cap="flat" cmpd="sng" algn="ctr">
            <a:solidFill>
              <a:srgbClr val="B7CBDB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31498225-FD4F-5E40-BF19-9874F54ED11A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F3C3F820-035B-374D-B86C-CE43D117673C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785916" y="1700808"/>
            <a:ext cx="4541308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 and introgressi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0E39864-ECCF-8340-909A-E82219C24A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E1DA3188-89C5-2B4F-92DE-2EA91F113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F23A20F-B11C-BD42-93EB-7A54041F0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A089F05-36EA-6F4D-9E81-3105DC26944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9866E091-F138-5C44-933E-73500A2D51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6094412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6094412" y="228626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6094412" y="3429593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6094411" y="980727"/>
            <a:ext cx="5927527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467465" y="4182603"/>
            <a:ext cx="1444788" cy="178878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AFB8BB0-E6FF-A045-BA6B-F265F8FD1FE7}"/>
              </a:ext>
            </a:extLst>
          </p:cNvPr>
          <p:cNvSpPr/>
          <p:nvPr/>
        </p:nvSpPr>
        <p:spPr>
          <a:xfrm>
            <a:off x="8172919" y="4181694"/>
            <a:ext cx="3763496" cy="1724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ker Rivas-González – PhD Student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Bioinformatics Research Centre (</a:t>
            </a:r>
            <a:r>
              <a:rPr lang="en-GB" sz="1600" dirty="0" err="1">
                <a:latin typeface="+mn-lt"/>
              </a:rPr>
              <a:t>BiRC</a:t>
            </a:r>
            <a:r>
              <a:rPr lang="en-GB" sz="1600" dirty="0">
                <a:latin typeface="+mn-lt"/>
              </a:rPr>
              <a:t>) Aarhus University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rg@birc.au.dk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@</a:t>
            </a:r>
            <a:r>
              <a:rPr lang="en-GB" sz="1600" dirty="0" err="1">
                <a:latin typeface="+mn-lt"/>
              </a:rPr>
              <a:t>irg_bio</a:t>
            </a:r>
            <a:endParaRPr lang="en-GB" sz="1600" dirty="0">
              <a:latin typeface="+mn-lt"/>
            </a:endParaRPr>
          </a:p>
        </p:txBody>
      </p:sp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154725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023" y="1144227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1080649" y="3204100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303564" y="3196854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92822" y="3852086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2021283" y="5811097"/>
            <a:ext cx="2051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-worker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0100" y="4506546"/>
            <a:ext cx="4294213" cy="1268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21" name="Picture 20" descr="Figure 1">
            <a:extLst>
              <a:ext uri="{FF2B5EF4-FFF2-40B4-BE49-F238E27FC236}">
                <a16:creationId xmlns:a16="http://schemas.microsoft.com/office/drawing/2014/main" id="{FB102E6C-5DDA-C247-9FA5-E09F7337B5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39042" y="1268760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09AEF319-9D82-8F45-8EEC-3498A8AF7DB9}"/>
              </a:ext>
            </a:extLst>
          </p:cNvPr>
          <p:cNvSpPr txBox="1"/>
          <p:nvPr/>
        </p:nvSpPr>
        <p:spPr>
          <a:xfrm>
            <a:off x="6604725" y="5709255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39426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556792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274896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588319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E321A234-4405-6F49-AAC7-60815E2947E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9DE87D0B-4A55-B147-851D-04642D3779BC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9DE87D0B-4A55-B147-851D-04642D3779B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19912CF4-3905-934A-AEA3-A1B9F02A81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3BC8E4C8-F767-3B40-8B1C-66EF118A5798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A437DE25-DC22-C44D-B90F-DD3353C6077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D6721EA6-3DB0-874F-9850-6AEDE01311C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B097DD27-5679-8445-9CCD-FDC725F7B3CF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E872A669-E3C4-C946-A19D-F9AB63ACE48A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14DA5E1F-810A-0744-BD48-A6571D729B6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7AFE2F82-CC48-554A-BCB2-F447ADB428F8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7AFE2F82-CC48-554A-BCB2-F447ADB428F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6541FA45-49C3-414D-8429-C5A1FF86F4E6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6541FA45-49C3-414D-8429-C5A1FF86F4E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D925D771-EF87-5A4F-94B4-95018666CE17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D925D771-EF87-5A4F-94B4-95018666CE1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9F3BA49-3F4C-0E4D-8D95-89B50B2BAA19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9F3BA49-3F4C-0E4D-8D95-89B50B2BAA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AB9EC91-C24D-AB49-B2C1-AE83F6A1E439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AB9EC91-C24D-AB49-B2C1-AE83F6A1E43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D8FE1803-5511-C04B-90BE-5EF84270DB7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252A562D-9823-794A-A5C5-40B1B3E1D469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086454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35</Words>
  <Application>Microsoft Macintosh PowerPoint</Application>
  <PresentationFormat>Custom</PresentationFormat>
  <Paragraphs>202</Paragraphs>
  <Slides>26</Slides>
  <Notes>25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6" baseType="lpstr">
      <vt:lpstr>Cambria Math</vt:lpstr>
      <vt:lpstr>Calibri</vt:lpstr>
      <vt:lpstr>Arial</vt:lpstr>
      <vt:lpstr>AU Passata</vt:lpstr>
      <vt:lpstr>AU Passata Light</vt:lpstr>
      <vt:lpstr>Trebuchet MS</vt:lpstr>
      <vt:lpstr>AU Peto</vt:lpstr>
      <vt:lpstr>Georgia</vt:lpstr>
      <vt:lpstr>Wingdings 3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4T08:19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